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oosenda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3C82A9A8-62DD-2301-02D7-1E4A65AC376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1467" y="4922981"/>
            <a:ext cx="2218351" cy="177468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7272D2AE-9B7B-287F-A11B-79B2819DD9D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055595" y="3790950"/>
            <a:ext cx="2014140" cy="161131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25T08:19:52Z</dcterms:modified>
</cp:coreProperties>
</file>